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5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3-1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3-1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eezeleend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2267B512-0833-0C13-951D-25106CDC1C2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6971" y="4693478"/>
            <a:ext cx="2463354" cy="1975610"/>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722F12C5-7423-C876-0B7F-F46F89F2238B}"/>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27696" y="4000500"/>
            <a:ext cx="1759711" cy="141128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4</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4</cp:revision>
  <dcterms:created xsi:type="dcterms:W3CDTF">2019-07-30T10:24:44Z</dcterms:created>
  <dcterms:modified xsi:type="dcterms:W3CDTF">2024-12-03T08:33:31Z</dcterms:modified>
</cp:coreProperties>
</file>